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28"/>
  </p:sldMasterIdLst>
  <p:notesMasterIdLst>
    <p:notesMasterId r:id="rId31"/>
  </p:notesMasterIdLst>
  <p:handoutMasterIdLst>
    <p:handoutMasterId r:id="rId32"/>
  </p:handoutMasterIdLst>
  <p:sldIdLst>
    <p:sldId id="2061" r:id="rId29"/>
    <p:sldId id="2062" r:id="rId30"/>
  </p:sldIdLst>
  <p:sldSz cx="12195175" cy="6858000"/>
  <p:notesSz cx="6858000" cy="9144000"/>
  <p:embeddedFontLst>
    <p:embeddedFont>
      <p:font typeface="72 Brand" panose="020B0504030603020204" pitchFamily="34" charset="0"/>
      <p:regular r:id="rId33"/>
      <p:bold r:id="rId34"/>
      <p:italic r:id="rId35"/>
      <p:boldItalic r:id="rId36"/>
    </p:embeddedFont>
    <p:embeddedFont>
      <p:font typeface="72 Brand Medium" panose="020B0604030603020204" pitchFamily="34" charset="0"/>
      <p:regular r:id="rId37"/>
      <p:italic r:id="rId38"/>
    </p:embeddedFont>
    <p:embeddedFont>
      <p:font typeface="Roboto" panose="02000000000000000000" pitchFamily="2" charset="0"/>
      <p:regular r:id="rId39"/>
      <p:bold r:id="rId40"/>
      <p:italic r:id="rId41"/>
      <p:boldItalic r:id="rId42"/>
    </p:embeddedFont>
  </p:embeddedFontLst>
  <p:custDataLst>
    <p:tags r:id="rId4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3DB9DD1-492C-4E52-B644-B169DA91712C}" v="17" dt="2025-09-10T14:56:35.777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0606" autoAdjust="0"/>
    <p:restoredTop sz="96327" autoAdjust="0"/>
  </p:normalViewPr>
  <p:slideViewPr>
    <p:cSldViewPr snapToGrid="0" showGuides="1">
      <p:cViewPr>
        <p:scale>
          <a:sx n="102" d="100"/>
          <a:sy n="102" d="100"/>
        </p:scale>
        <p:origin x="154" y="-197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font" Target="fonts/font7.fntdata"/><Relationship Id="rId21" Type="http://schemas.openxmlformats.org/officeDocument/2006/relationships/customXml" Target="../customXml/item21.xml"/><Relationship Id="rId34" Type="http://schemas.openxmlformats.org/officeDocument/2006/relationships/font" Target="fonts/font2.fntdata"/><Relationship Id="rId42" Type="http://schemas.openxmlformats.org/officeDocument/2006/relationships/font" Target="fonts/font10.fntdata"/><Relationship Id="rId47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handoutMaster" Target="handoutMasters/handoutMaster1.xml"/><Relationship Id="rId37" Type="http://schemas.openxmlformats.org/officeDocument/2006/relationships/font" Target="fonts/font5.fntdata"/><Relationship Id="rId40" Type="http://schemas.openxmlformats.org/officeDocument/2006/relationships/font" Target="fonts/font8.fntdata"/><Relationship Id="rId45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font" Target="fonts/font4.fntdata"/><Relationship Id="rId49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notesMaster" Target="notesMasters/notesMaster1.xml"/><Relationship Id="rId44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font" Target="fonts/font3.fntdata"/><Relationship Id="rId43" Type="http://schemas.openxmlformats.org/officeDocument/2006/relationships/tags" Target="tags/tag1.xml"/><Relationship Id="rId48" Type="http://schemas.microsoft.com/office/2016/11/relationships/changesInfo" Target="changesInfos/changesInfo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font" Target="fonts/font1.fntdata"/><Relationship Id="rId38" Type="http://schemas.openxmlformats.org/officeDocument/2006/relationships/font" Target="fonts/font6.fntdata"/><Relationship Id="rId46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font" Target="fonts/font9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utscher, Stefan" userId="73cdda4d-f731-43a9-8b85-458bce51b4f7" providerId="ADAL" clId="{83DB9DD1-492C-4E52-B644-B169DA91712C}"/>
    <pc:docChg chg="undo custSel addSld modSld">
      <pc:chgData name="Butscher, Stefan" userId="73cdda4d-f731-43a9-8b85-458bce51b4f7" providerId="ADAL" clId="{83DB9DD1-492C-4E52-B644-B169DA91712C}" dt="2025-09-10T14:56:39" v="610" actId="1076"/>
      <pc:docMkLst>
        <pc:docMk/>
      </pc:docMkLst>
      <pc:sldChg chg="addSp modSp mod">
        <pc:chgData name="Butscher, Stefan" userId="73cdda4d-f731-43a9-8b85-458bce51b4f7" providerId="ADAL" clId="{83DB9DD1-492C-4E52-B644-B169DA91712C}" dt="2025-09-10T14:48:13.764" v="478" actId="20577"/>
        <pc:sldMkLst>
          <pc:docMk/>
          <pc:sldMk cId="3361468751" sldId="2061"/>
        </pc:sldMkLst>
        <pc:spChg chg="mod">
          <ac:chgData name="Butscher, Stefan" userId="73cdda4d-f731-43a9-8b85-458bce51b4f7" providerId="ADAL" clId="{83DB9DD1-492C-4E52-B644-B169DA91712C}" dt="2025-09-10T14:32:37.482" v="4" actId="14100"/>
          <ac:spMkLst>
            <pc:docMk/>
            <pc:sldMk cId="3361468751" sldId="2061"/>
            <ac:spMk id="2" creationId="{8054B8B0-479C-3374-1847-98FF07FD98FE}"/>
          </ac:spMkLst>
        </pc:spChg>
        <pc:spChg chg="add mod">
          <ac:chgData name="Butscher, Stefan" userId="73cdda4d-f731-43a9-8b85-458bce51b4f7" providerId="ADAL" clId="{83DB9DD1-492C-4E52-B644-B169DA91712C}" dt="2025-09-10T14:41:18.077" v="82" actId="1076"/>
          <ac:spMkLst>
            <pc:docMk/>
            <pc:sldMk cId="3361468751" sldId="2061"/>
            <ac:spMk id="8" creationId="{96075BDA-20B0-B526-D770-838532EFD09E}"/>
          </ac:spMkLst>
        </pc:spChg>
        <pc:spChg chg="add mod">
          <ac:chgData name="Butscher, Stefan" userId="73cdda4d-f731-43a9-8b85-458bce51b4f7" providerId="ADAL" clId="{83DB9DD1-492C-4E52-B644-B169DA91712C}" dt="2025-09-10T14:41:28.164" v="84" actId="1076"/>
          <ac:spMkLst>
            <pc:docMk/>
            <pc:sldMk cId="3361468751" sldId="2061"/>
            <ac:spMk id="9" creationId="{9A487460-855F-AAF0-FBE8-A9BF78C60020}"/>
          </ac:spMkLst>
        </pc:spChg>
        <pc:spChg chg="add mod">
          <ac:chgData name="Butscher, Stefan" userId="73cdda4d-f731-43a9-8b85-458bce51b4f7" providerId="ADAL" clId="{83DB9DD1-492C-4E52-B644-B169DA91712C}" dt="2025-09-10T14:41:22.820" v="83" actId="1076"/>
          <ac:spMkLst>
            <pc:docMk/>
            <pc:sldMk cId="3361468751" sldId="2061"/>
            <ac:spMk id="12" creationId="{ADC60FFF-DF27-70EB-AE07-5E0A7DA0390D}"/>
          </ac:spMkLst>
        </pc:spChg>
        <pc:spChg chg="add mod ord">
          <ac:chgData name="Butscher, Stefan" userId="73cdda4d-f731-43a9-8b85-458bce51b4f7" providerId="ADAL" clId="{83DB9DD1-492C-4E52-B644-B169DA91712C}" dt="2025-09-10T14:41:22.820" v="83" actId="1076"/>
          <ac:spMkLst>
            <pc:docMk/>
            <pc:sldMk cId="3361468751" sldId="2061"/>
            <ac:spMk id="13" creationId="{38D7D039-AB8C-BF96-7087-B300AC54B34D}"/>
          </ac:spMkLst>
        </pc:spChg>
        <pc:spChg chg="add mod">
          <ac:chgData name="Butscher, Stefan" userId="73cdda4d-f731-43a9-8b85-458bce51b4f7" providerId="ADAL" clId="{83DB9DD1-492C-4E52-B644-B169DA91712C}" dt="2025-09-10T14:48:13.764" v="478" actId="20577"/>
          <ac:spMkLst>
            <pc:docMk/>
            <pc:sldMk cId="3361468751" sldId="2061"/>
            <ac:spMk id="14" creationId="{FF46EFB2-6124-FAFB-828C-30D9E8D94239}"/>
          </ac:spMkLst>
        </pc:spChg>
        <pc:picChg chg="add mod">
          <ac:chgData name="Butscher, Stefan" userId="73cdda4d-f731-43a9-8b85-458bce51b4f7" providerId="ADAL" clId="{83DB9DD1-492C-4E52-B644-B169DA91712C}" dt="2025-09-10T14:41:18.077" v="82" actId="1076"/>
          <ac:picMkLst>
            <pc:docMk/>
            <pc:sldMk cId="3361468751" sldId="2061"/>
            <ac:picMk id="5" creationId="{3FA2DEBC-95BC-C6D2-A473-69B4C22E0453}"/>
          </ac:picMkLst>
        </pc:picChg>
        <pc:picChg chg="add mod">
          <ac:chgData name="Butscher, Stefan" userId="73cdda4d-f731-43a9-8b85-458bce51b4f7" providerId="ADAL" clId="{83DB9DD1-492C-4E52-B644-B169DA91712C}" dt="2025-09-10T14:41:28.164" v="84" actId="1076"/>
          <ac:picMkLst>
            <pc:docMk/>
            <pc:sldMk cId="3361468751" sldId="2061"/>
            <ac:picMk id="7" creationId="{3DC91BF3-2512-3B99-047D-D9B2B5EE7776}"/>
          </ac:picMkLst>
        </pc:picChg>
        <pc:picChg chg="add mod">
          <ac:chgData name="Butscher, Stefan" userId="73cdda4d-f731-43a9-8b85-458bce51b4f7" providerId="ADAL" clId="{83DB9DD1-492C-4E52-B644-B169DA91712C}" dt="2025-09-10T14:41:22.820" v="83" actId="1076"/>
          <ac:picMkLst>
            <pc:docMk/>
            <pc:sldMk cId="3361468751" sldId="2061"/>
            <ac:picMk id="11" creationId="{7CAB873A-9513-7F62-D9B6-AB985CA1F98A}"/>
          </ac:picMkLst>
        </pc:picChg>
      </pc:sldChg>
      <pc:sldChg chg="addSp delSp modSp add mod">
        <pc:chgData name="Butscher, Stefan" userId="73cdda4d-f731-43a9-8b85-458bce51b4f7" providerId="ADAL" clId="{83DB9DD1-492C-4E52-B644-B169DA91712C}" dt="2025-09-10T14:56:39" v="610" actId="1076"/>
        <pc:sldMkLst>
          <pc:docMk/>
          <pc:sldMk cId="2316392955" sldId="2062"/>
        </pc:sldMkLst>
        <pc:spChg chg="mod">
          <ac:chgData name="Butscher, Stefan" userId="73cdda4d-f731-43a9-8b85-458bce51b4f7" providerId="ADAL" clId="{83DB9DD1-492C-4E52-B644-B169DA91712C}" dt="2025-09-10T14:53:46.913" v="551" actId="20577"/>
          <ac:spMkLst>
            <pc:docMk/>
            <pc:sldMk cId="2316392955" sldId="2062"/>
            <ac:spMk id="2" creationId="{E4F9E178-7E28-4179-9EC8-CBA446F56858}"/>
          </ac:spMkLst>
        </pc:spChg>
        <pc:spChg chg="add del mod">
          <ac:chgData name="Butscher, Stefan" userId="73cdda4d-f731-43a9-8b85-458bce51b4f7" providerId="ADAL" clId="{83DB9DD1-492C-4E52-B644-B169DA91712C}" dt="2025-09-10T14:51:42.910" v="517"/>
          <ac:spMkLst>
            <pc:docMk/>
            <pc:sldMk cId="2316392955" sldId="2062"/>
            <ac:spMk id="4" creationId="{125E4BF8-1626-2AAE-20DF-D8075941DAB7}"/>
          </ac:spMkLst>
        </pc:spChg>
        <pc:spChg chg="add mod">
          <ac:chgData name="Butscher, Stefan" userId="73cdda4d-f731-43a9-8b85-458bce51b4f7" providerId="ADAL" clId="{83DB9DD1-492C-4E52-B644-B169DA91712C}" dt="2025-09-10T14:53:14.313" v="550" actId="208"/>
          <ac:spMkLst>
            <pc:docMk/>
            <pc:sldMk cId="2316392955" sldId="2062"/>
            <ac:spMk id="6" creationId="{49CDD4E8-31A8-0662-2195-0E235D51B504}"/>
          </ac:spMkLst>
        </pc:spChg>
        <pc:spChg chg="mod">
          <ac:chgData name="Butscher, Stefan" userId="73cdda4d-f731-43a9-8b85-458bce51b4f7" providerId="ADAL" clId="{83DB9DD1-492C-4E52-B644-B169DA91712C}" dt="2025-09-10T14:49:30.618" v="511" actId="1076"/>
          <ac:spMkLst>
            <pc:docMk/>
            <pc:sldMk cId="2316392955" sldId="2062"/>
            <ac:spMk id="9" creationId="{E40FDEED-0276-A121-5DA6-F904E2232F46}"/>
          </ac:spMkLst>
        </pc:spChg>
        <pc:spChg chg="add del mod">
          <ac:chgData name="Butscher, Stefan" userId="73cdda4d-f731-43a9-8b85-458bce51b4f7" providerId="ADAL" clId="{83DB9DD1-492C-4E52-B644-B169DA91712C}" dt="2025-09-10T14:54:04.263" v="556" actId="478"/>
          <ac:spMkLst>
            <pc:docMk/>
            <pc:sldMk cId="2316392955" sldId="2062"/>
            <ac:spMk id="10" creationId="{34D456EF-2CAD-3344-D031-8DDF27E22D44}"/>
          </ac:spMkLst>
        </pc:spChg>
        <pc:spChg chg="del">
          <ac:chgData name="Butscher, Stefan" userId="73cdda4d-f731-43a9-8b85-458bce51b4f7" providerId="ADAL" clId="{83DB9DD1-492C-4E52-B644-B169DA91712C}" dt="2025-09-10T14:49:17.066" v="509" actId="478"/>
          <ac:spMkLst>
            <pc:docMk/>
            <pc:sldMk cId="2316392955" sldId="2062"/>
            <ac:spMk id="14" creationId="{ACC568DE-C1B9-1DDC-EA7C-3CCEC76385C8}"/>
          </ac:spMkLst>
        </pc:spChg>
        <pc:spChg chg="add del mod">
          <ac:chgData name="Butscher, Stefan" userId="73cdda4d-f731-43a9-8b85-458bce51b4f7" providerId="ADAL" clId="{83DB9DD1-492C-4E52-B644-B169DA91712C}" dt="2025-09-10T14:54:44.068" v="562" actId="478"/>
          <ac:spMkLst>
            <pc:docMk/>
            <pc:sldMk cId="2316392955" sldId="2062"/>
            <ac:spMk id="15" creationId="{33229AF2-5B1C-4F9F-BE56-8D3FCDEF8307}"/>
          </ac:spMkLst>
        </pc:spChg>
        <pc:spChg chg="add mod">
          <ac:chgData name="Butscher, Stefan" userId="73cdda4d-f731-43a9-8b85-458bce51b4f7" providerId="ADAL" clId="{83DB9DD1-492C-4E52-B644-B169DA91712C}" dt="2025-09-10T14:55:23.510" v="575" actId="1076"/>
          <ac:spMkLst>
            <pc:docMk/>
            <pc:sldMk cId="2316392955" sldId="2062"/>
            <ac:spMk id="16" creationId="{BA9D100D-6CD7-5669-21A0-6D5A7D7A563B}"/>
          </ac:spMkLst>
        </pc:spChg>
        <pc:spChg chg="add mod">
          <ac:chgData name="Butscher, Stefan" userId="73cdda4d-f731-43a9-8b85-458bce51b4f7" providerId="ADAL" clId="{83DB9DD1-492C-4E52-B644-B169DA91712C}" dt="2025-09-10T14:56:16.034" v="597" actId="1076"/>
          <ac:spMkLst>
            <pc:docMk/>
            <pc:sldMk cId="2316392955" sldId="2062"/>
            <ac:spMk id="20" creationId="{B875DC43-2159-2EB3-5082-6C3682D8D971}"/>
          </ac:spMkLst>
        </pc:spChg>
        <pc:spChg chg="add mod">
          <ac:chgData name="Butscher, Stefan" userId="73cdda4d-f731-43a9-8b85-458bce51b4f7" providerId="ADAL" clId="{83DB9DD1-492C-4E52-B644-B169DA91712C}" dt="2025-09-10T14:56:31.082" v="608" actId="20577"/>
          <ac:spMkLst>
            <pc:docMk/>
            <pc:sldMk cId="2316392955" sldId="2062"/>
            <ac:spMk id="24" creationId="{6B89F49A-CD4C-CEC8-15C6-D9E11404AFC4}"/>
          </ac:spMkLst>
        </pc:spChg>
        <pc:picChg chg="mod">
          <ac:chgData name="Butscher, Stefan" userId="73cdda4d-f731-43a9-8b85-458bce51b4f7" providerId="ADAL" clId="{83DB9DD1-492C-4E52-B644-B169DA91712C}" dt="2025-09-10T14:49:26.167" v="510" actId="1076"/>
          <ac:picMkLst>
            <pc:docMk/>
            <pc:sldMk cId="2316392955" sldId="2062"/>
            <ac:picMk id="7" creationId="{9D59F38C-6E71-F58E-D554-BFACC343C186}"/>
          </ac:picMkLst>
        </pc:picChg>
        <pc:cxnChg chg="add mod">
          <ac:chgData name="Butscher, Stefan" userId="73cdda4d-f731-43a9-8b85-458bce51b4f7" providerId="ADAL" clId="{83DB9DD1-492C-4E52-B644-B169DA91712C}" dt="2025-09-10T14:55:23.510" v="575" actId="1076"/>
          <ac:cxnSpMkLst>
            <pc:docMk/>
            <pc:sldMk cId="2316392955" sldId="2062"/>
            <ac:cxnSpMk id="18" creationId="{CEC3F0CE-AC6A-1B7B-49AB-F06997D78EC4}"/>
          </ac:cxnSpMkLst>
        </pc:cxnChg>
        <pc:cxnChg chg="add mod">
          <ac:chgData name="Butscher, Stefan" userId="73cdda4d-f731-43a9-8b85-458bce51b4f7" providerId="ADAL" clId="{83DB9DD1-492C-4E52-B644-B169DA91712C}" dt="2025-09-10T14:56:16.034" v="597" actId="1076"/>
          <ac:cxnSpMkLst>
            <pc:docMk/>
            <pc:sldMk cId="2316392955" sldId="2062"/>
            <ac:cxnSpMk id="22" creationId="{16A90A86-5B90-AF67-C4F6-90C7F79BE21C}"/>
          </ac:cxnSpMkLst>
        </pc:cxnChg>
        <pc:cxnChg chg="add mod">
          <ac:chgData name="Butscher, Stefan" userId="73cdda4d-f731-43a9-8b85-458bce51b4f7" providerId="ADAL" clId="{83DB9DD1-492C-4E52-B644-B169DA91712C}" dt="2025-09-10T14:56:39" v="610" actId="1076"/>
          <ac:cxnSpMkLst>
            <pc:docMk/>
            <pc:sldMk cId="2316392955" sldId="2062"/>
            <ac:cxnSpMk id="25" creationId="{28E5B4C5-645F-C91B-FE6F-3095E87191EF}"/>
          </ac:cxnSpMkLst>
        </pc:cxn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95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00788501" name="LogoBlack-Dynamic" descr="{&quot;templafy&quot;:{&quot;id&quot;:&quot;c1eb01f2-9e1f-430d-b8b5-2c5ca45c20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90acb4e-ca71-45a1-a6aa-15bb3a352e1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08403681" name="LogoBlue-Dynamic" descr="{&quot;templafy&quot;:{&quot;id&quot;:&quot;4730df89-118a-4dac-850a-22582fba25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b3005ec-996c-4d76-a358-795127b0f977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43685208" name="LogoWhite-Dynamic" descr="{&quot;templafy&quot;:{&quot;id&quot;:&quot;c91d4f96-eb02-4c57-a0e1-338790f88e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54a69f23-ff76-4f65-96bb-a6bf00e9647f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1533652702" name="LogoBlue-Dynamic" descr="{&quot;templafy&quot;:{&quot;id&quot;:&quot;6c7bdae5-f4a4-41ef-bce1-a9de047427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1826e07-6bd8-46cf-99a6-aba87324adb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87688874" name="LogoWhite-Dynamic" descr="{&quot;templafy&quot;:{&quot;id&quot;:&quot;2de5be2a-d3c3-4ddf-bfce-d8d47df28db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e7c7b96-b70f-4e7a-b733-583422dd9c67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eb9adf6b-a999-43b4-87a5-c81e58f16e9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2919900" name="LogoWhite-Dynamic" descr="{&quot;templafy&quot;:{&quot;id&quot;:&quot;2fc7f057-0369-4ed6-8a09-948d28d95f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9c26c798-5a7f-4e71-a771-0737e45e4efe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4fb6f5d1-82cd-4ab1-ae44-7e64d037ef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316767171" name="LogoBlack-Dynamic" descr="{&quot;templafy&quot;:{&quot;id&quot;:&quot;6e8f8d3c-486c-440f-9e89-010c51d133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pic>
        <p:nvPicPr>
          <p:cNvPr id="73675286" name="LogoBlue-Dynamic" descr="{&quot;templafy&quot;:{&quot;id&quot;:&quot;f232a519-5ff6-4053-bb5b-b23e1adaee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27682cf1-0696-470f-9efa-616f4870e8a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490893" name="LogoBlue-Dynamic" descr="{&quot;templafy&quot;:{&quot;id&quot;:&quot;e60c395f-8fa7-41cf-b146-37c7272e7c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5d87788-2e60-4526-97e4-cc625eeee8de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2763596" name="LogoBlack-Dynamic" descr="{&quot;templafy&quot;:{&quot;id&quot;:&quot;e1ce98cc-b5e7-4d57-bbf2-b85890640f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21c6111-be2c-44a0-a2aa-df88facd3ed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82374887" name="LogoWhite-Dynamic" descr="{&quot;templafy&quot;:{&quot;id&quot;:&quot;1c29bb78-5811-4cd4-811f-7882c0a699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8f345ad-7bdb-419e-8713-85ce06a158f4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df0b5c3-c399-4d80-afa5-baa0f5e07b5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5" r:id="rId1"/>
    <p:sldLayoutId id="2147483773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Relationship Id="rId9" Type="http://schemas.openxmlformats.org/officeDocument/2006/relationships/image" Target="../media/image13.sv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Arrow: Right 12">
            <a:extLst>
              <a:ext uri="{FF2B5EF4-FFF2-40B4-BE49-F238E27FC236}">
                <a16:creationId xmlns:a16="http://schemas.microsoft.com/office/drawing/2014/main" id="{38D7D039-AB8C-BF96-7087-B300AC54B34D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Problem Statement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en-US" dirty="0" err="1">
                <a:solidFill>
                  <a:schemeClr val="tx2">
                    <a:lumMod val="60000"/>
                    <a:lumOff val="40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3FA2DEBC-95BC-C6D2-A473-69B4C22E045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3DC91BF3-2512-3B99-047D-D9B2B5EE777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295677" y="1935215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96075BDA-20B0-B526-D770-838532EFD09E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A487460-855F-AAF0-FBE8-A9BF78C60020}"/>
              </a:ext>
            </a:extLst>
          </p:cNvPr>
          <p:cNvSpPr txBox="1"/>
          <p:nvPr/>
        </p:nvSpPr>
        <p:spPr>
          <a:xfrm>
            <a:off x="8444625" y="341775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AP System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7CAB873A-9513-7F62-D9B6-AB985CA1F98A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ADC60FFF-DF27-70EB-AE07-5E0A7DA0390D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F46EFB2-6124-FAFB-828C-30D9E8D94239}"/>
              </a:ext>
            </a:extLst>
          </p:cNvPr>
          <p:cNvSpPr txBox="1"/>
          <p:nvPr/>
        </p:nvSpPr>
        <p:spPr>
          <a:xfrm>
            <a:off x="749595" y="4391247"/>
            <a:ext cx="10605977" cy="15234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files are csv files which need to comply with a specificatio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t all files meet the specification, which can lead to problems and impact customer business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he potential error space is huge, so traditional check logic has limits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Currently analysis is cumbersome in case of errors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8723650-6AC7-7860-2C9B-35A82F5329B0}"/>
              </a:ext>
            </a:extLst>
          </p:cNvPr>
          <p:cNvSpPr txBox="1"/>
          <p:nvPr/>
        </p:nvSpPr>
        <p:spPr>
          <a:xfrm>
            <a:off x="7096529" y="2122337"/>
            <a:ext cx="1199148" cy="1184940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C580B34-37B8-B2A6-A4E2-54ADDC60ED2A}"/>
              </a:ext>
            </a:extLst>
          </p:cNvPr>
          <p:cNvSpPr txBox="1"/>
          <p:nvPr/>
        </p:nvSpPr>
        <p:spPr>
          <a:xfrm>
            <a:off x="7008909" y="2259419"/>
            <a:ext cx="1199148" cy="1077218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put Channel, e.g. FSCM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3614687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47FF31-AE02-8EA4-948D-B52922E29A9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TextBox 55">
            <a:extLst>
              <a:ext uri="{FF2B5EF4-FFF2-40B4-BE49-F238E27FC236}">
                <a16:creationId xmlns:a16="http://schemas.microsoft.com/office/drawing/2014/main" id="{6440DB6D-7B23-782F-E3B9-8A5FB7F8FD6D}"/>
              </a:ext>
            </a:extLst>
          </p:cNvPr>
          <p:cNvSpPr txBox="1"/>
          <p:nvPr/>
        </p:nvSpPr>
        <p:spPr>
          <a:xfrm>
            <a:off x="5782914" y="3932088"/>
            <a:ext cx="6093499" cy="2769989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gentX</a:t>
            </a: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7FDE53CC-6CA8-DC23-0FA7-57C7F9CEB671}"/>
              </a:ext>
            </a:extLst>
          </p:cNvPr>
          <p:cNvCxnSpPr>
            <a:cxnSpLocks/>
          </p:cNvCxnSpPr>
          <p:nvPr/>
        </p:nvCxnSpPr>
        <p:spPr>
          <a:xfrm>
            <a:off x="8156412" y="4872503"/>
            <a:ext cx="1776763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9399FF2B-C8E6-0346-93A3-EF46FE8F793D}"/>
              </a:ext>
            </a:extLst>
          </p:cNvPr>
          <p:cNvSpPr txBox="1"/>
          <p:nvPr/>
        </p:nvSpPr>
        <p:spPr>
          <a:xfrm>
            <a:off x="7096529" y="2122337"/>
            <a:ext cx="1199148" cy="1184940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Arrow: Right 12">
            <a:extLst>
              <a:ext uri="{FF2B5EF4-FFF2-40B4-BE49-F238E27FC236}">
                <a16:creationId xmlns:a16="http://schemas.microsoft.com/office/drawing/2014/main" id="{20A87AE5-C56F-4377-D5B0-68390706716B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E4F9E178-7E28-4179-9EC8-CBA446F5685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– a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multi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agent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system</a:t>
            </a:r>
            <a:endParaRPr lang="de-DE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053B67E7-BCDD-7215-4AB3-B3A8D1A01B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A69E2C7D-EBA5-64B3-7877-AC5ACE7705A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9D59F38C-6E71-F58E-D554-BFACC343C1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380884" y="1873895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F5836E81-1AA7-7053-9147-E28F396D4D5F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40FDEED-0276-A121-5DA6-F904E2232F46}"/>
              </a:ext>
            </a:extLst>
          </p:cNvPr>
          <p:cNvSpPr txBox="1"/>
          <p:nvPr/>
        </p:nvSpPr>
        <p:spPr>
          <a:xfrm>
            <a:off x="8529832" y="3346413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AP System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3F6D0C40-4D64-42A3-101A-F604897CED8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5CC6A71B-4D78-AB38-FD7C-EDDE059F353B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9CDD4E8-31A8-0662-2195-0E235D51B504}"/>
              </a:ext>
            </a:extLst>
          </p:cNvPr>
          <p:cNvSpPr txBox="1"/>
          <p:nvPr/>
        </p:nvSpPr>
        <p:spPr>
          <a:xfrm>
            <a:off x="7008909" y="2259419"/>
            <a:ext cx="1199148" cy="1077218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put Channel, e.g. FSCM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BA9D100D-6CD7-5669-21A0-6D5A7D7A563B}"/>
              </a:ext>
            </a:extLst>
          </p:cNvPr>
          <p:cNvSpPr/>
          <p:nvPr/>
        </p:nvSpPr>
        <p:spPr bwMode="gray">
          <a:xfrm>
            <a:off x="7067993" y="4244380"/>
            <a:ext cx="1100469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Valid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B875DC43-2159-2EB3-5082-6C3682D8D971}"/>
              </a:ext>
            </a:extLst>
          </p:cNvPr>
          <p:cNvSpPr/>
          <p:nvPr/>
        </p:nvSpPr>
        <p:spPr bwMode="gray">
          <a:xfrm>
            <a:off x="9933175" y="4244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Notific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6B89F49A-CD4C-CEC8-15C6-D9E11404AFC4}"/>
              </a:ext>
            </a:extLst>
          </p:cNvPr>
          <p:cNvSpPr/>
          <p:nvPr/>
        </p:nvSpPr>
        <p:spPr bwMode="gray">
          <a:xfrm>
            <a:off x="8479334" y="4244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porting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9016B4DE-26C7-6D9D-EA8E-D998E438E9F4}"/>
              </a:ext>
            </a:extLst>
          </p:cNvPr>
          <p:cNvCxnSpPr>
            <a:stCxn id="6" idx="2"/>
          </p:cNvCxnSpPr>
          <p:nvPr/>
        </p:nvCxnSpPr>
        <p:spPr>
          <a:xfrm>
            <a:off x="7608483" y="3336637"/>
            <a:ext cx="0" cy="90774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Flowchart: Magnetic Disk 25">
            <a:extLst>
              <a:ext uri="{FF2B5EF4-FFF2-40B4-BE49-F238E27FC236}">
                <a16:creationId xmlns:a16="http://schemas.microsoft.com/office/drawing/2014/main" id="{9A9123B7-2B87-2C0E-7FF1-121A613F0820}"/>
              </a:ext>
            </a:extLst>
          </p:cNvPr>
          <p:cNvSpPr/>
          <p:nvPr/>
        </p:nvSpPr>
        <p:spPr bwMode="gray">
          <a:xfrm>
            <a:off x="8072934" y="6073337"/>
            <a:ext cx="812800" cy="464461"/>
          </a:xfrm>
          <a:prstGeom prst="flowChartMagneticDisk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76AEF364-E6F3-B14D-13E2-5772EC2ECA15}"/>
              </a:ext>
            </a:extLst>
          </p:cNvPr>
          <p:cNvCxnSpPr>
            <a:cxnSpLocks/>
            <a:stCxn id="16" idx="2"/>
            <a:endCxn id="26" idx="1"/>
          </p:cNvCxnSpPr>
          <p:nvPr/>
        </p:nvCxnSpPr>
        <p:spPr>
          <a:xfrm>
            <a:off x="7618228" y="5158780"/>
            <a:ext cx="861106" cy="914557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8D6E9DED-F364-607B-F797-8921E3289FE7}"/>
              </a:ext>
            </a:extLst>
          </p:cNvPr>
          <p:cNvCxnSpPr>
            <a:stCxn id="16" idx="3"/>
            <a:endCxn id="24" idx="1"/>
          </p:cNvCxnSpPr>
          <p:nvPr/>
        </p:nvCxnSpPr>
        <p:spPr>
          <a:xfrm>
            <a:off x="8168462" y="4701580"/>
            <a:ext cx="310872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TextBox 47">
            <a:extLst>
              <a:ext uri="{FF2B5EF4-FFF2-40B4-BE49-F238E27FC236}">
                <a16:creationId xmlns:a16="http://schemas.microsoft.com/office/drawing/2014/main" id="{130DCA29-2D63-7E8F-0A82-C1FAD5205B55}"/>
              </a:ext>
            </a:extLst>
          </p:cNvPr>
          <p:cNvSpPr txBox="1"/>
          <p:nvPr/>
        </p:nvSpPr>
        <p:spPr>
          <a:xfrm>
            <a:off x="389744" y="3964760"/>
            <a:ext cx="5168738" cy="22159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he input channel calls the Validation Agent, checks the file consistency versus the technical specification, based on a prompt and records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Reporting agent can read out past validations and provide informatio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tification Agent will inform end users on configured channels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0" name="Graphic 49" descr="Envelope with solid fill">
            <a:extLst>
              <a:ext uri="{FF2B5EF4-FFF2-40B4-BE49-F238E27FC236}">
                <a16:creationId xmlns:a16="http://schemas.microsoft.com/office/drawing/2014/main" id="{DD5AE46D-3177-32EA-3BC3-BB6C40D1F3F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0077109" y="2375138"/>
            <a:ext cx="914400" cy="914400"/>
          </a:xfrm>
          <a:prstGeom prst="rect">
            <a:avLst/>
          </a:prstGeom>
        </p:spPr>
      </p:pic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449A7C3E-01DC-E237-AC53-6A749A2BA3D9}"/>
              </a:ext>
            </a:extLst>
          </p:cNvPr>
          <p:cNvCxnSpPr>
            <a:cxnSpLocks/>
          </p:cNvCxnSpPr>
          <p:nvPr/>
        </p:nvCxnSpPr>
        <p:spPr>
          <a:xfrm flipV="1">
            <a:off x="10534310" y="3060467"/>
            <a:ext cx="0" cy="118391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587B1A78-8CC1-85B9-7B79-93A462824649}"/>
              </a:ext>
            </a:extLst>
          </p:cNvPr>
          <p:cNvCxnSpPr>
            <a:stCxn id="26" idx="1"/>
            <a:endCxn id="24" idx="2"/>
          </p:cNvCxnSpPr>
          <p:nvPr/>
        </p:nvCxnSpPr>
        <p:spPr>
          <a:xfrm flipV="1">
            <a:off x="8479334" y="5158780"/>
            <a:ext cx="591479" cy="914557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1639295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B44FA898-7065-C140-B2C5-C93FD2EC289B}" vid="{E4A21F8A-B61B-F245-8125-6893948E4DD3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1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1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4034B036C92A4A897F8A958DF51533" ma:contentTypeVersion="17" ma:contentTypeDescription="Create a new document." ma:contentTypeScope="" ma:versionID="9881b54d8c9689fbb993a4f7983e18ad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5587fbb7edc3a1e656e5ced3cd51c8e4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9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2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25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26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27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4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Props1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77EBBC25-7217-6047-A6FE-6E3834623618}">
  <ds:schemaRefs/>
</ds:datastoreItem>
</file>

<file path=customXml/itemProps11.xml><?xml version="1.0" encoding="utf-8"?>
<ds:datastoreItem xmlns:ds="http://schemas.openxmlformats.org/officeDocument/2006/customXml" ds:itemID="{8D60027D-B63E-433E-BB56-64F598DA4B11}">
  <ds:schemaRefs/>
</ds:datastoreItem>
</file>

<file path=customXml/itemProps12.xml><?xml version="1.0" encoding="utf-8"?>
<ds:datastoreItem xmlns:ds="http://schemas.openxmlformats.org/officeDocument/2006/customXml" ds:itemID="{118DC9FA-6E7A-134A-A4CB-DB7E25529BCD}">
  <ds:schemaRefs/>
</ds:datastoreItem>
</file>

<file path=customXml/itemProps13.xml><?xml version="1.0" encoding="utf-8"?>
<ds:datastoreItem xmlns:ds="http://schemas.openxmlformats.org/officeDocument/2006/customXml" ds:itemID="{5E726EAB-FE30-4F4D-A478-DE4759D9A12E}">
  <ds:schemaRefs/>
</ds:datastoreItem>
</file>

<file path=customXml/itemProps14.xml><?xml version="1.0" encoding="utf-8"?>
<ds:datastoreItem xmlns:ds="http://schemas.openxmlformats.org/officeDocument/2006/customXml" ds:itemID="{97E3BD22-8559-41C7-B32B-85AADBCE3220}">
  <ds:schemaRefs/>
</ds:datastoreItem>
</file>

<file path=customXml/itemProps15.xml><?xml version="1.0" encoding="utf-8"?>
<ds:datastoreItem xmlns:ds="http://schemas.openxmlformats.org/officeDocument/2006/customXml" ds:itemID="{7F6898E6-9ADD-4538-B0E5-FC21C8DB6903}">
  <ds:schemaRefs/>
</ds:datastoreItem>
</file>

<file path=customXml/itemProps16.xml><?xml version="1.0" encoding="utf-8"?>
<ds:datastoreItem xmlns:ds="http://schemas.openxmlformats.org/officeDocument/2006/customXml" ds:itemID="{CC49FFC8-2FF3-4057-96F0-3BCD1A4F0351}">
  <ds:schemaRefs/>
</ds:datastoreItem>
</file>

<file path=customXml/itemProps17.xml><?xml version="1.0" encoding="utf-8"?>
<ds:datastoreItem xmlns:ds="http://schemas.openxmlformats.org/officeDocument/2006/customXml" ds:itemID="{E592BBB8-4E80-3C45-BEE9-486ED596EB3C}">
  <ds:schemaRefs/>
</ds:datastoreItem>
</file>

<file path=customXml/itemProps18.xml><?xml version="1.0" encoding="utf-8"?>
<ds:datastoreItem xmlns:ds="http://schemas.openxmlformats.org/officeDocument/2006/customXml" ds:itemID="{74942575-2ABC-47D8-9C97-7AE8518FFE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9.xml><?xml version="1.0" encoding="utf-8"?>
<ds:datastoreItem xmlns:ds="http://schemas.openxmlformats.org/officeDocument/2006/customXml" ds:itemID="{3E4381A6-8E2C-574D-B48E-536A53B18F66}">
  <ds:schemaRefs/>
</ds:datastoreItem>
</file>

<file path=customXml/itemProps2.xml><?xml version="1.0" encoding="utf-8"?>
<ds:datastoreItem xmlns:ds="http://schemas.openxmlformats.org/officeDocument/2006/customXml" ds:itemID="{A3EC6DE2-FD66-684A-AC9E-08E25388DBEF}">
  <ds:schemaRefs/>
</ds:datastoreItem>
</file>

<file path=customXml/itemProps20.xml><?xml version="1.0" encoding="utf-8"?>
<ds:datastoreItem xmlns:ds="http://schemas.openxmlformats.org/officeDocument/2006/customXml" ds:itemID="{CD69D8E4-3079-0947-A87B-18CDAB899542}">
  <ds:schemaRefs/>
</ds:datastoreItem>
</file>

<file path=customXml/itemProps21.xml><?xml version="1.0" encoding="utf-8"?>
<ds:datastoreItem xmlns:ds="http://schemas.openxmlformats.org/officeDocument/2006/customXml" ds:itemID="{034DD3E1-2858-4C70-BC3A-61FB10763B47}">
  <ds:schemaRefs/>
</ds:datastoreItem>
</file>

<file path=customXml/itemProps22.xml><?xml version="1.0" encoding="utf-8"?>
<ds:datastoreItem xmlns:ds="http://schemas.openxmlformats.org/officeDocument/2006/customXml" ds:itemID="{538A7E94-9A75-944B-BB53-DAD192A33F0F}">
  <ds:schemaRefs/>
</ds:datastoreItem>
</file>

<file path=customXml/itemProps23.xml><?xml version="1.0" encoding="utf-8"?>
<ds:datastoreItem xmlns:ds="http://schemas.openxmlformats.org/officeDocument/2006/customXml" ds:itemID="{FB3CBE98-0F50-4DCC-AB6D-9CE0DBAA75FF}">
  <ds:schemaRefs/>
</ds:datastoreItem>
</file>

<file path=customXml/itemProps24.xml><?xml version="1.0" encoding="utf-8"?>
<ds:datastoreItem xmlns:ds="http://schemas.openxmlformats.org/officeDocument/2006/customXml" ds:itemID="{BE35CB75-D316-A442-AF6F-E30B686305AD}">
  <ds:schemaRefs/>
</ds:datastoreItem>
</file>

<file path=customXml/itemProps25.xml><?xml version="1.0" encoding="utf-8"?>
<ds:datastoreItem xmlns:ds="http://schemas.openxmlformats.org/officeDocument/2006/customXml" ds:itemID="{626BBCBB-1894-4E66-BA48-9E91CE3ACBA0}">
  <ds:schemaRefs/>
</ds:datastoreItem>
</file>

<file path=customXml/itemProps26.xml><?xml version="1.0" encoding="utf-8"?>
<ds:datastoreItem xmlns:ds="http://schemas.openxmlformats.org/officeDocument/2006/customXml" ds:itemID="{FB378D73-682D-4B5C-B045-A467836EDC7E}">
  <ds:schemaRefs/>
</ds:datastoreItem>
</file>

<file path=customXml/itemProps27.xml><?xml version="1.0" encoding="utf-8"?>
<ds:datastoreItem xmlns:ds="http://schemas.openxmlformats.org/officeDocument/2006/customXml" ds:itemID="{DF3DA119-9F3B-B04F-B2CE-ED7B6150E810}">
  <ds:schemaRefs/>
</ds:datastoreItem>
</file>

<file path=customXml/itemProps3.xml><?xml version="1.0" encoding="utf-8"?>
<ds:datastoreItem xmlns:ds="http://schemas.openxmlformats.org/officeDocument/2006/customXml" ds:itemID="{EA0EFD7B-A280-45FB-AEC3-B703B28210D9}">
  <ds:schemaRefs/>
</ds:datastoreItem>
</file>

<file path=customXml/itemProps4.xml><?xml version="1.0" encoding="utf-8"?>
<ds:datastoreItem xmlns:ds="http://schemas.openxmlformats.org/officeDocument/2006/customXml" ds:itemID="{47869D81-24A3-1649-A7BC-E604AE89024C}">
  <ds:schemaRefs/>
</ds:datastoreItem>
</file>

<file path=customXml/itemProps5.xml><?xml version="1.0" encoding="utf-8"?>
<ds:datastoreItem xmlns:ds="http://schemas.openxmlformats.org/officeDocument/2006/customXml" ds:itemID="{0EC57229-3C66-4E28-BE75-EC4AA2288617}">
  <ds:schemaRefs/>
</ds:datastoreItem>
</file>

<file path=customXml/itemProps6.xml><?xml version="1.0" encoding="utf-8"?>
<ds:datastoreItem xmlns:ds="http://schemas.openxmlformats.org/officeDocument/2006/customXml" ds:itemID="{3B62FFE9-ED73-4F57-B7FD-1898883AC30C}">
  <ds:schemaRefs/>
</ds:datastoreItem>
</file>

<file path=customXml/itemProps7.xml><?xml version="1.0" encoding="utf-8"?>
<ds:datastoreItem xmlns:ds="http://schemas.openxmlformats.org/officeDocument/2006/customXml" ds:itemID="{32B4CE40-A540-46F0-A4B7-2503498DD8B0}">
  <ds:schemaRefs/>
</ds:datastoreItem>
</file>

<file path=customXml/itemProps8.xml><?xml version="1.0" encoding="utf-8"?>
<ds:datastoreItem xmlns:ds="http://schemas.openxmlformats.org/officeDocument/2006/customXml" ds:itemID="{F444086E-23D4-43AE-9B84-AA7543534A61}">
  <ds:schemaRefs/>
</ds:datastoreItem>
</file>

<file path=customXml/itemProps9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  <ds:schemaRef ds:uri="779f7773-5b16-460b-be9a-e10be11b395c"/>
  </ds:schemaRefs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61</TotalTime>
  <Words>144</Words>
  <Application>Microsoft Office PowerPoint</Application>
  <PresentationFormat>Custom</PresentationFormat>
  <Paragraphs>38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12" baseType="lpstr">
      <vt:lpstr>Arial</vt:lpstr>
      <vt:lpstr>Roboto</vt:lpstr>
      <vt:lpstr>72 Brand</vt:lpstr>
      <vt:lpstr>Courier New</vt:lpstr>
      <vt:lpstr>72 Brand Medium</vt:lpstr>
      <vt:lpstr>Wingdings</vt:lpstr>
      <vt:lpstr>Arial Unicode MS</vt:lpstr>
      <vt:lpstr>Wingdings</vt:lpstr>
      <vt:lpstr>Symbol</vt:lpstr>
      <vt:lpstr>SAP Template 2023</vt:lpstr>
      <vt:lpstr>Agentic Era Hackathon - FinAgentX</vt:lpstr>
      <vt:lpstr>Agentic Era Hackathon - FinAgentX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utscher, Stefan</dc:creator>
  <cp:keywords>2023/16:9/white</cp:keywords>
  <dc:description/>
  <cp:lastModifiedBy>Butscher, Stefan</cp:lastModifiedBy>
  <cp:revision>6</cp:revision>
  <dcterms:created xsi:type="dcterms:W3CDTF">2025-09-10T14:23:22Z</dcterms:created>
  <dcterms:modified xsi:type="dcterms:W3CDTF">2025-09-16T12:50:1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C4034B036C92A4A897F8A958DF51533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